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90"/>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0-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0-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utrecht/"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ED36D1A0-E1AD-67BA-450A-CBBAB999EB0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09370" y="4429919"/>
            <a:ext cx="2229259" cy="218021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0DB635FB-526C-2A47-F119-1D0495C7B62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66180" y="4064000"/>
            <a:ext cx="1490929" cy="1458128"/>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1</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Wencke Robers</cp:lastModifiedBy>
  <cp:revision>4272</cp:revision>
  <dcterms:created xsi:type="dcterms:W3CDTF">2019-07-30T10:24:44Z</dcterms:created>
  <dcterms:modified xsi:type="dcterms:W3CDTF">2024-06-20T06:26:38Z</dcterms:modified>
</cp:coreProperties>
</file>